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101_2022 - Stentgraft kombinovaný s cievnou protézou\02. Príprava\03. PTK\01. Odoslané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8" i="3" l="1"/>
  <c r="M8" i="3" l="1"/>
</calcChain>
</file>

<file path=xl/sharedStrings.xml><?xml version="1.0" encoding="utf-8"?>
<sst xmlns="http://schemas.openxmlformats.org/spreadsheetml/2006/main" count="76" uniqueCount="5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
(12 mes.)</t>
  </si>
  <si>
    <t>Stentgraft kombinovaný s cievnou protézou a postrannými vetvami</t>
  </si>
  <si>
    <t>Sortiment položky č. 1 -   Stentgraft kombinovaný s cievnou protézou a postrannými vetvami</t>
  </si>
  <si>
    <t>15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165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5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165" fontId="2" fillId="4" borderId="32" xfId="0" applyNumberFormat="1" applyFont="1" applyFill="1" applyBorder="1" applyAlignment="1" applyProtection="1">
      <alignment horizontal="right" vertical="center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activeCell="I7" sqref="I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36" t="s">
        <v>24</v>
      </c>
      <c r="B1" s="136"/>
      <c r="C1" s="136"/>
      <c r="D1" s="136"/>
      <c r="E1" s="136"/>
      <c r="F1" s="136"/>
      <c r="G1" s="136"/>
      <c r="H1" s="136"/>
      <c r="I1" s="136"/>
      <c r="J1" s="136"/>
      <c r="K1" s="136"/>
      <c r="L1" s="136"/>
      <c r="M1" s="13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5" t="s">
        <v>50</v>
      </c>
      <c r="B3" s="145"/>
      <c r="C3" s="145"/>
      <c r="D3" s="145"/>
      <c r="E3" s="145"/>
      <c r="F3" s="145"/>
      <c r="G3" s="145"/>
      <c r="H3" s="145"/>
      <c r="I3" s="145"/>
      <c r="J3" s="145"/>
      <c r="K3" s="145"/>
      <c r="L3" s="145"/>
    </row>
    <row r="4" spans="1:62" s="44" customFormat="1" ht="33" customHeight="1" x14ac:dyDescent="0.25">
      <c r="A4" s="146" t="s">
        <v>25</v>
      </c>
      <c r="B4" s="148" t="s">
        <v>26</v>
      </c>
      <c r="C4" s="146" t="s">
        <v>47</v>
      </c>
      <c r="D4" s="126" t="s">
        <v>31</v>
      </c>
      <c r="E4" s="128" t="s">
        <v>32</v>
      </c>
      <c r="F4" s="128" t="s">
        <v>33</v>
      </c>
      <c r="G4" s="128" t="s">
        <v>34</v>
      </c>
      <c r="H4" s="98" t="s">
        <v>35</v>
      </c>
      <c r="I4" s="117" t="s">
        <v>36</v>
      </c>
      <c r="J4" s="130"/>
      <c r="K4" s="130"/>
      <c r="L4" s="117" t="s">
        <v>37</v>
      </c>
      <c r="M4" s="118"/>
      <c r="O4" s="50"/>
      <c r="P4" s="50"/>
    </row>
    <row r="5" spans="1:62" s="44" customFormat="1" ht="33" customHeight="1" x14ac:dyDescent="0.25">
      <c r="A5" s="147"/>
      <c r="B5" s="149"/>
      <c r="C5" s="147"/>
      <c r="D5" s="127"/>
      <c r="E5" s="129"/>
      <c r="F5" s="129"/>
      <c r="G5" s="129"/>
      <c r="H5" s="99"/>
      <c r="I5" s="100" t="s">
        <v>28</v>
      </c>
      <c r="J5" s="101" t="s">
        <v>38</v>
      </c>
      <c r="K5" s="102" t="s">
        <v>30</v>
      </c>
      <c r="L5" s="103" t="s">
        <v>28</v>
      </c>
      <c r="M5" s="104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0</v>
      </c>
      <c r="C7" s="55" t="s">
        <v>48</v>
      </c>
      <c r="D7" s="116">
        <v>15</v>
      </c>
      <c r="E7" s="57"/>
      <c r="F7" s="57"/>
      <c r="G7" s="57"/>
      <c r="H7" s="58"/>
      <c r="I7" s="111"/>
      <c r="J7" s="59"/>
      <c r="K7" s="112"/>
      <c r="L7" s="113"/>
      <c r="M7" s="114"/>
      <c r="O7" s="54"/>
      <c r="P7" s="54"/>
    </row>
    <row r="8" spans="1:62" s="47" customFormat="1" ht="33" customHeight="1" thickBot="1" x14ac:dyDescent="0.3">
      <c r="A8" s="60"/>
      <c r="B8" s="61"/>
      <c r="C8" s="61"/>
      <c r="D8" s="61"/>
      <c r="E8" s="62"/>
      <c r="F8" s="62"/>
      <c r="G8" s="62"/>
      <c r="H8" s="62"/>
      <c r="I8" s="61"/>
      <c r="J8" s="61"/>
      <c r="K8" s="61"/>
      <c r="L8" s="115">
        <f>SUM(L7:L7)</f>
        <v>0</v>
      </c>
      <c r="M8" s="115">
        <f>SUM(M7:M7)</f>
        <v>0</v>
      </c>
      <c r="O8" s="63"/>
      <c r="P8" s="63"/>
    </row>
    <row r="9" spans="1:62" s="48" customFormat="1" ht="29.25" customHeight="1" thickBot="1" x14ac:dyDescent="0.3">
      <c r="A9" s="140" t="s">
        <v>51</v>
      </c>
      <c r="B9" s="140"/>
      <c r="C9" s="140"/>
      <c r="D9" s="140"/>
      <c r="E9" s="140"/>
      <c r="F9" s="140"/>
      <c r="G9" s="140"/>
      <c r="H9" s="140"/>
      <c r="I9" s="140"/>
      <c r="J9" s="140"/>
      <c r="K9" s="140"/>
      <c r="L9" s="64"/>
      <c r="M9" s="64"/>
      <c r="N9" s="64"/>
      <c r="O9" s="64"/>
      <c r="P9" s="64"/>
    </row>
    <row r="10" spans="1:62" s="39" customFormat="1" ht="33" customHeight="1" x14ac:dyDescent="0.25">
      <c r="A10" s="141" t="s">
        <v>25</v>
      </c>
      <c r="B10" s="143" t="s">
        <v>43</v>
      </c>
      <c r="C10" s="143" t="s">
        <v>44</v>
      </c>
      <c r="D10" s="143" t="s">
        <v>33</v>
      </c>
      <c r="E10" s="143" t="s">
        <v>35</v>
      </c>
      <c r="F10" s="143" t="s">
        <v>45</v>
      </c>
      <c r="G10" s="143" t="s">
        <v>46</v>
      </c>
      <c r="H10" s="137" t="s">
        <v>27</v>
      </c>
      <c r="I10" s="138"/>
      <c r="J10" s="139"/>
      <c r="K10" s="131" t="s">
        <v>49</v>
      </c>
      <c r="M10" s="50"/>
      <c r="N10" s="50"/>
      <c r="O10" s="50"/>
      <c r="P10" s="50"/>
    </row>
    <row r="11" spans="1:62" s="39" customFormat="1" ht="22.5" customHeight="1" x14ac:dyDescent="0.25">
      <c r="A11" s="142"/>
      <c r="B11" s="144"/>
      <c r="C11" s="144"/>
      <c r="D11" s="144"/>
      <c r="E11" s="144"/>
      <c r="F11" s="144"/>
      <c r="G11" s="144"/>
      <c r="H11" s="51" t="s">
        <v>28</v>
      </c>
      <c r="I11" s="52" t="s">
        <v>29</v>
      </c>
      <c r="J11" s="65" t="s">
        <v>30</v>
      </c>
      <c r="K11" s="132"/>
      <c r="M11" s="50"/>
      <c r="N11" s="50"/>
      <c r="O11" s="50"/>
      <c r="P11" s="50"/>
    </row>
    <row r="12" spans="1:62" s="40" customFormat="1" ht="14.1" customHeight="1" x14ac:dyDescent="0.25">
      <c r="A12" s="66" t="s">
        <v>0</v>
      </c>
      <c r="B12" s="67" t="s">
        <v>12</v>
      </c>
      <c r="C12" s="67" t="s">
        <v>13</v>
      </c>
      <c r="D12" s="68" t="s">
        <v>14</v>
      </c>
      <c r="E12" s="69" t="s">
        <v>15</v>
      </c>
      <c r="F12" s="68" t="s">
        <v>16</v>
      </c>
      <c r="G12" s="53" t="s">
        <v>17</v>
      </c>
      <c r="H12" s="70" t="s">
        <v>18</v>
      </c>
      <c r="I12" s="71" t="s">
        <v>19</v>
      </c>
      <c r="J12" s="72" t="s">
        <v>39</v>
      </c>
      <c r="K12" s="109" t="s">
        <v>40</v>
      </c>
      <c r="L12" s="110"/>
      <c r="M12" s="73"/>
      <c r="N12" s="73"/>
      <c r="O12" s="73"/>
      <c r="P12" s="73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4" t="s">
        <v>0</v>
      </c>
      <c r="B13" s="75"/>
      <c r="C13" s="76"/>
      <c r="D13" s="105"/>
      <c r="E13" s="105"/>
      <c r="F13" s="105"/>
      <c r="G13" s="105"/>
      <c r="H13" s="77"/>
      <c r="I13" s="78"/>
      <c r="J13" s="79"/>
      <c r="K13" s="133" t="s">
        <v>52</v>
      </c>
      <c r="L13" s="108"/>
      <c r="M13" s="54"/>
      <c r="N13" s="54"/>
      <c r="O13" s="54"/>
      <c r="P13" s="54"/>
    </row>
    <row r="14" spans="1:62" s="41" customFormat="1" ht="33" customHeight="1" x14ac:dyDescent="0.25">
      <c r="A14" s="80" t="s">
        <v>12</v>
      </c>
      <c r="B14" s="81"/>
      <c r="C14" s="82"/>
      <c r="D14" s="106"/>
      <c r="E14" s="106"/>
      <c r="F14" s="106"/>
      <c r="G14" s="107"/>
      <c r="H14" s="83"/>
      <c r="I14" s="84"/>
      <c r="J14" s="85"/>
      <c r="K14" s="134"/>
      <c r="L14" s="108"/>
      <c r="M14" s="54"/>
      <c r="N14" s="54"/>
      <c r="O14" s="54"/>
      <c r="P14" s="54"/>
    </row>
    <row r="15" spans="1:62" s="41" customFormat="1" ht="33" customHeight="1" thickBot="1" x14ac:dyDescent="0.3">
      <c r="A15" s="86" t="s">
        <v>13</v>
      </c>
      <c r="B15" s="87"/>
      <c r="C15" s="88"/>
      <c r="D15" s="89"/>
      <c r="E15" s="89"/>
      <c r="F15" s="89"/>
      <c r="G15" s="89"/>
      <c r="H15" s="90"/>
      <c r="I15" s="91"/>
      <c r="J15" s="92"/>
      <c r="K15" s="135"/>
      <c r="L15" s="108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3"/>
      <c r="B17" s="94"/>
      <c r="C17" s="94"/>
      <c r="D17" s="93"/>
      <c r="E17" s="93"/>
      <c r="F17" s="93"/>
      <c r="G17" s="93"/>
      <c r="H17" s="93"/>
      <c r="I17" s="95"/>
      <c r="J17" s="96"/>
      <c r="K17" s="95"/>
      <c r="L17" s="97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5"/>
      <c r="D18" s="125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20"/>
      <c r="D19" s="120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20"/>
      <c r="D20" s="12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5"/>
      <c r="D22" s="125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20"/>
      <c r="D23" s="120"/>
      <c r="E23" s="20"/>
      <c r="F23" s="17"/>
      <c r="G23" s="27" t="s">
        <v>20</v>
      </c>
      <c r="H23" s="123"/>
      <c r="I23" s="123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20"/>
      <c r="D24" s="120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4"/>
      <c r="I25" s="124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22"/>
      <c r="I26" s="122"/>
    </row>
    <row r="27" spans="1:16" s="13" customFormat="1" ht="20.100000000000001" customHeight="1" x14ac:dyDescent="0.2">
      <c r="A27" s="10" t="s">
        <v>2</v>
      </c>
      <c r="B27" s="120"/>
      <c r="C27" s="120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21"/>
      <c r="C28" s="121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9" t="s">
        <v>10</v>
      </c>
      <c r="B31" s="119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4">
    <mergeCell ref="B4:B5"/>
    <mergeCell ref="C4:C5"/>
    <mergeCell ref="G4:G5"/>
    <mergeCell ref="I4:K4"/>
    <mergeCell ref="K10:K11"/>
    <mergeCell ref="K13:K15"/>
    <mergeCell ref="A1:M1"/>
    <mergeCell ref="H10:J10"/>
    <mergeCell ref="A9:K9"/>
    <mergeCell ref="A10:A11"/>
    <mergeCell ref="B10:B11"/>
    <mergeCell ref="C10:C11"/>
    <mergeCell ref="D10:D11"/>
    <mergeCell ref="E10:E11"/>
    <mergeCell ref="F10:F11"/>
    <mergeCell ref="G10:G11"/>
    <mergeCell ref="A3:L3"/>
    <mergeCell ref="A4:A5"/>
    <mergeCell ref="L4:M4"/>
    <mergeCell ref="A31:B31"/>
    <mergeCell ref="B27:C27"/>
    <mergeCell ref="B28:C28"/>
    <mergeCell ref="H26:I26"/>
    <mergeCell ref="H23:I23"/>
    <mergeCell ref="H25:I25"/>
    <mergeCell ref="C22:D22"/>
    <mergeCell ref="C23:D23"/>
    <mergeCell ref="C24:D24"/>
    <mergeCell ref="C20:D20"/>
    <mergeCell ref="C18:D18"/>
    <mergeCell ref="C19:D19"/>
    <mergeCell ref="D4:D5"/>
    <mergeCell ref="E4:E5"/>
    <mergeCell ref="F4:F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8-09T11:14:32Z</dcterms:modified>
</cp:coreProperties>
</file>